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11\"/>
    </mc:Choice>
  </mc:AlternateContent>
  <bookViews>
    <workbookView xWindow="0" yWindow="0" windowWidth="23040" windowHeight="9384"/>
  </bookViews>
  <sheets>
    <sheet name="0000" sheetId="1" r:id="rId1"/>
  </sheets>
  <definedNames>
    <definedName name="_xlnm.Print_Titles" localSheetId="0">'0000'!$4:$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" uniqueCount="32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平成30年11月末</t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9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38" fontId="1" fillId="0" borderId="5" xfId="1" applyFont="1" applyBorder="1" applyAlignment="1">
      <alignment horizontal="distributed"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horizontal="distributed"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1" xfId="1" applyBorder="1" applyAlignment="1">
      <alignment vertical="center"/>
    </xf>
    <xf numFmtId="38" fontId="1" fillId="0" borderId="12" xfId="1" applyBorder="1" applyAlignment="1">
      <alignment vertical="center"/>
    </xf>
    <xf numFmtId="38" fontId="1" fillId="0" borderId="9" xfId="1" applyFont="1" applyBorder="1" applyAlignment="1">
      <alignment horizontal="center" vertical="center"/>
    </xf>
    <xf numFmtId="38" fontId="0" fillId="0" borderId="10" xfId="0" applyNumberFormat="1" applyBorder="1" applyAlignment="1">
      <alignment vertical="center"/>
    </xf>
    <xf numFmtId="38" fontId="0" fillId="0" borderId="11" xfId="0" applyNumberFormat="1" applyBorder="1" applyAlignment="1">
      <alignment vertical="center"/>
    </xf>
    <xf numFmtId="38" fontId="0" fillId="0" borderId="12" xfId="0" applyNumberForma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J131"/>
  <sheetViews>
    <sheetView tabSelected="1"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2"/>
      <c r="F1" s="2"/>
      <c r="G1" s="2"/>
      <c r="H1" s="2"/>
      <c r="I1" s="2"/>
      <c r="J1" s="2"/>
    </row>
    <row r="2" spans="1:10" ht="14.25" customHeight="1" x14ac:dyDescent="0.2">
      <c r="A2" s="3"/>
      <c r="B2" s="3"/>
      <c r="C2" s="3"/>
      <c r="D2" s="3"/>
      <c r="E2" s="3"/>
      <c r="F2" s="3"/>
      <c r="G2" s="3"/>
      <c r="H2" s="3"/>
      <c r="I2" s="3"/>
      <c r="J2" s="3"/>
    </row>
    <row r="3" spans="1:10" ht="20.25" customHeight="1" x14ac:dyDescent="0.2">
      <c r="A3" s="4"/>
      <c r="B3" s="5" t="s">
        <v>1</v>
      </c>
      <c r="C3" s="5"/>
      <c r="D3" s="5"/>
      <c r="E3" s="4"/>
      <c r="F3" s="4"/>
      <c r="G3" s="4"/>
    </row>
    <row r="4" spans="1:10" ht="18" customHeight="1" x14ac:dyDescent="0.2">
      <c r="A4" s="6" t="s">
        <v>2</v>
      </c>
      <c r="B4" s="7" t="s">
        <v>3</v>
      </c>
      <c r="C4" s="8" t="s">
        <v>4</v>
      </c>
      <c r="D4" s="9" t="s">
        <v>5</v>
      </c>
    </row>
    <row r="5" spans="1:10" ht="18" customHeight="1" x14ac:dyDescent="0.2">
      <c r="A5" s="10">
        <v>0</v>
      </c>
      <c r="B5" s="11">
        <v>1546</v>
      </c>
      <c r="C5" s="12">
        <v>1479</v>
      </c>
      <c r="D5" s="13">
        <v>3025</v>
      </c>
    </row>
    <row r="6" spans="1:10" ht="18" customHeight="1" x14ac:dyDescent="0.2">
      <c r="A6" s="14">
        <v>1</v>
      </c>
      <c r="B6" s="15">
        <v>1609</v>
      </c>
      <c r="C6" s="16">
        <v>1483</v>
      </c>
      <c r="D6" s="17">
        <v>3092</v>
      </c>
    </row>
    <row r="7" spans="1:10" ht="18" customHeight="1" x14ac:dyDescent="0.2">
      <c r="A7" s="14">
        <v>2</v>
      </c>
      <c r="B7" s="15">
        <v>1612</v>
      </c>
      <c r="C7" s="16">
        <v>1572</v>
      </c>
      <c r="D7" s="17">
        <v>3184</v>
      </c>
    </row>
    <row r="8" spans="1:10" ht="18" customHeight="1" x14ac:dyDescent="0.2">
      <c r="A8" s="14">
        <v>3</v>
      </c>
      <c r="B8" s="15">
        <v>1675</v>
      </c>
      <c r="C8" s="16">
        <v>1527</v>
      </c>
      <c r="D8" s="17">
        <v>3202</v>
      </c>
    </row>
    <row r="9" spans="1:10" ht="18" customHeight="1" x14ac:dyDescent="0.2">
      <c r="A9" s="14">
        <v>4</v>
      </c>
      <c r="B9" s="15">
        <v>1629</v>
      </c>
      <c r="C9" s="16">
        <v>1571</v>
      </c>
      <c r="D9" s="17">
        <v>3200</v>
      </c>
    </row>
    <row r="10" spans="1:10" ht="18" customHeight="1" x14ac:dyDescent="0.2">
      <c r="A10" s="14" t="s">
        <v>6</v>
      </c>
      <c r="B10" s="18">
        <v>8071</v>
      </c>
      <c r="C10" s="19">
        <v>7632</v>
      </c>
      <c r="D10" s="20">
        <v>15703</v>
      </c>
    </row>
    <row r="11" spans="1:10" ht="18" customHeight="1" x14ac:dyDescent="0.2">
      <c r="A11" s="14">
        <v>5</v>
      </c>
      <c r="B11" s="18">
        <v>1633</v>
      </c>
      <c r="C11" s="19">
        <v>1607</v>
      </c>
      <c r="D11" s="20">
        <v>3240</v>
      </c>
    </row>
    <row r="12" spans="1:10" ht="18" customHeight="1" x14ac:dyDescent="0.2">
      <c r="A12" s="14">
        <v>6</v>
      </c>
      <c r="B12" s="18">
        <v>1702</v>
      </c>
      <c r="C12" s="19">
        <v>1626</v>
      </c>
      <c r="D12" s="20">
        <v>3328</v>
      </c>
    </row>
    <row r="13" spans="1:10" ht="18" customHeight="1" x14ac:dyDescent="0.2">
      <c r="A13" s="14">
        <v>7</v>
      </c>
      <c r="B13" s="18">
        <v>1728</v>
      </c>
      <c r="C13" s="19">
        <v>1657</v>
      </c>
      <c r="D13" s="20">
        <v>3385</v>
      </c>
    </row>
    <row r="14" spans="1:10" ht="18" customHeight="1" x14ac:dyDescent="0.2">
      <c r="A14" s="14">
        <v>8</v>
      </c>
      <c r="B14" s="18">
        <v>1829</v>
      </c>
      <c r="C14" s="19">
        <v>1646</v>
      </c>
      <c r="D14" s="20">
        <v>3475</v>
      </c>
    </row>
    <row r="15" spans="1:10" ht="18" customHeight="1" x14ac:dyDescent="0.2">
      <c r="A15" s="14">
        <v>9</v>
      </c>
      <c r="B15" s="18">
        <v>1752</v>
      </c>
      <c r="C15" s="19">
        <v>1707</v>
      </c>
      <c r="D15" s="20">
        <v>3459</v>
      </c>
    </row>
    <row r="16" spans="1:10" ht="18" customHeight="1" x14ac:dyDescent="0.2">
      <c r="A16" s="14" t="s">
        <v>7</v>
      </c>
      <c r="B16" s="18">
        <v>8644</v>
      </c>
      <c r="C16" s="19">
        <v>8243</v>
      </c>
      <c r="D16" s="20">
        <v>16887</v>
      </c>
    </row>
    <row r="17" spans="1:4" ht="18" customHeight="1" x14ac:dyDescent="0.2">
      <c r="A17" s="14">
        <v>10</v>
      </c>
      <c r="B17" s="18">
        <v>1839</v>
      </c>
      <c r="C17" s="19">
        <v>1745</v>
      </c>
      <c r="D17" s="20">
        <v>3584</v>
      </c>
    </row>
    <row r="18" spans="1:4" ht="18" customHeight="1" x14ac:dyDescent="0.2">
      <c r="A18" s="14">
        <v>11</v>
      </c>
      <c r="B18" s="18">
        <v>1800</v>
      </c>
      <c r="C18" s="19">
        <v>1750</v>
      </c>
      <c r="D18" s="20">
        <v>3550</v>
      </c>
    </row>
    <row r="19" spans="1:4" ht="18" customHeight="1" x14ac:dyDescent="0.2">
      <c r="A19" s="14">
        <v>12</v>
      </c>
      <c r="B19" s="18">
        <v>1867</v>
      </c>
      <c r="C19" s="19">
        <v>1799</v>
      </c>
      <c r="D19" s="20">
        <v>3666</v>
      </c>
    </row>
    <row r="20" spans="1:4" ht="18" customHeight="1" x14ac:dyDescent="0.2">
      <c r="A20" s="14">
        <v>13</v>
      </c>
      <c r="B20" s="18">
        <v>1874</v>
      </c>
      <c r="C20" s="19">
        <v>1699</v>
      </c>
      <c r="D20" s="20">
        <v>3573</v>
      </c>
    </row>
    <row r="21" spans="1:4" ht="18" customHeight="1" x14ac:dyDescent="0.2">
      <c r="A21" s="14">
        <v>14</v>
      </c>
      <c r="B21" s="18">
        <v>2000</v>
      </c>
      <c r="C21" s="19">
        <v>1912</v>
      </c>
      <c r="D21" s="20">
        <v>3912</v>
      </c>
    </row>
    <row r="22" spans="1:4" ht="18" customHeight="1" x14ac:dyDescent="0.2">
      <c r="A22" s="14" t="s">
        <v>8</v>
      </c>
      <c r="B22" s="18">
        <v>9380</v>
      </c>
      <c r="C22" s="19">
        <v>8905</v>
      </c>
      <c r="D22" s="20">
        <v>18285</v>
      </c>
    </row>
    <row r="23" spans="1:4" ht="18" customHeight="1" x14ac:dyDescent="0.2">
      <c r="A23" s="14" t="s">
        <v>9</v>
      </c>
      <c r="B23" s="18">
        <v>26095</v>
      </c>
      <c r="C23" s="19">
        <v>24780</v>
      </c>
      <c r="D23" s="20">
        <v>50875</v>
      </c>
    </row>
    <row r="24" spans="1:4" ht="18" customHeight="1" x14ac:dyDescent="0.2">
      <c r="A24" s="14">
        <v>15</v>
      </c>
      <c r="B24" s="18">
        <v>1906</v>
      </c>
      <c r="C24" s="19">
        <v>1867</v>
      </c>
      <c r="D24" s="20">
        <v>3773</v>
      </c>
    </row>
    <row r="25" spans="1:4" ht="18" customHeight="1" x14ac:dyDescent="0.2">
      <c r="A25" s="14">
        <v>16</v>
      </c>
      <c r="B25" s="18">
        <v>2021</v>
      </c>
      <c r="C25" s="19">
        <v>1900</v>
      </c>
      <c r="D25" s="20">
        <v>3921</v>
      </c>
    </row>
    <row r="26" spans="1:4" ht="18" customHeight="1" x14ac:dyDescent="0.2">
      <c r="A26" s="14">
        <v>17</v>
      </c>
      <c r="B26" s="18">
        <v>2049</v>
      </c>
      <c r="C26" s="19">
        <v>1914</v>
      </c>
      <c r="D26" s="20">
        <v>3963</v>
      </c>
    </row>
    <row r="27" spans="1:4" ht="18" customHeight="1" x14ac:dyDescent="0.2">
      <c r="A27" s="14">
        <v>18</v>
      </c>
      <c r="B27" s="18">
        <v>2155</v>
      </c>
      <c r="C27" s="19">
        <v>1897</v>
      </c>
      <c r="D27" s="20">
        <v>4052</v>
      </c>
    </row>
    <row r="28" spans="1:4" ht="18" customHeight="1" x14ac:dyDescent="0.2">
      <c r="A28" s="14">
        <v>19</v>
      </c>
      <c r="B28" s="18">
        <v>2110</v>
      </c>
      <c r="C28" s="19">
        <v>1959</v>
      </c>
      <c r="D28" s="20">
        <v>4069</v>
      </c>
    </row>
    <row r="29" spans="1:4" ht="18" customHeight="1" x14ac:dyDescent="0.2">
      <c r="A29" s="14" t="s">
        <v>10</v>
      </c>
      <c r="B29" s="18">
        <v>10241</v>
      </c>
      <c r="C29" s="19">
        <v>9537</v>
      </c>
      <c r="D29" s="20">
        <v>19778</v>
      </c>
    </row>
    <row r="30" spans="1:4" ht="18" customHeight="1" x14ac:dyDescent="0.2">
      <c r="A30" s="14">
        <v>20</v>
      </c>
      <c r="B30" s="18">
        <v>2090</v>
      </c>
      <c r="C30" s="19">
        <v>1931</v>
      </c>
      <c r="D30" s="20">
        <v>4021</v>
      </c>
    </row>
    <row r="31" spans="1:4" ht="18" customHeight="1" x14ac:dyDescent="0.2">
      <c r="A31" s="14">
        <v>21</v>
      </c>
      <c r="B31" s="18">
        <v>2157</v>
      </c>
      <c r="C31" s="19">
        <v>1951</v>
      </c>
      <c r="D31" s="20">
        <v>4108</v>
      </c>
    </row>
    <row r="32" spans="1:4" ht="18" customHeight="1" x14ac:dyDescent="0.2">
      <c r="A32" s="14">
        <v>22</v>
      </c>
      <c r="B32" s="18">
        <v>2074</v>
      </c>
      <c r="C32" s="19">
        <v>1897</v>
      </c>
      <c r="D32" s="20">
        <v>3971</v>
      </c>
    </row>
    <row r="33" spans="1:4" ht="18" customHeight="1" x14ac:dyDescent="0.2">
      <c r="A33" s="14">
        <v>23</v>
      </c>
      <c r="B33" s="18">
        <v>2273</v>
      </c>
      <c r="C33" s="19">
        <v>1864</v>
      </c>
      <c r="D33" s="20">
        <v>4137</v>
      </c>
    </row>
    <row r="34" spans="1:4" ht="18" customHeight="1" x14ac:dyDescent="0.2">
      <c r="A34" s="14">
        <v>24</v>
      </c>
      <c r="B34" s="18">
        <v>2203</v>
      </c>
      <c r="C34" s="19">
        <v>1928</v>
      </c>
      <c r="D34" s="20">
        <v>4131</v>
      </c>
    </row>
    <row r="35" spans="1:4" ht="18" customHeight="1" x14ac:dyDescent="0.2">
      <c r="A35" s="14" t="s">
        <v>11</v>
      </c>
      <c r="B35" s="18">
        <v>10797</v>
      </c>
      <c r="C35" s="19">
        <v>9571</v>
      </c>
      <c r="D35" s="20">
        <v>20368</v>
      </c>
    </row>
    <row r="36" spans="1:4" ht="18" customHeight="1" x14ac:dyDescent="0.2">
      <c r="A36" s="14">
        <v>25</v>
      </c>
      <c r="B36" s="18">
        <v>2075</v>
      </c>
      <c r="C36" s="19">
        <v>1847</v>
      </c>
      <c r="D36" s="20">
        <v>3922</v>
      </c>
    </row>
    <row r="37" spans="1:4" ht="18" customHeight="1" x14ac:dyDescent="0.2">
      <c r="A37" s="14">
        <v>26</v>
      </c>
      <c r="B37" s="18">
        <v>2150</v>
      </c>
      <c r="C37" s="19">
        <v>1850</v>
      </c>
      <c r="D37" s="20">
        <v>4000</v>
      </c>
    </row>
    <row r="38" spans="1:4" ht="18" customHeight="1" x14ac:dyDescent="0.2">
      <c r="A38" s="14">
        <v>27</v>
      </c>
      <c r="B38" s="18">
        <v>2106</v>
      </c>
      <c r="C38" s="19">
        <v>1786</v>
      </c>
      <c r="D38" s="20">
        <v>3892</v>
      </c>
    </row>
    <row r="39" spans="1:4" ht="18" customHeight="1" x14ac:dyDescent="0.2">
      <c r="A39" s="14">
        <v>28</v>
      </c>
      <c r="B39" s="18">
        <v>2182</v>
      </c>
      <c r="C39" s="19">
        <v>1859</v>
      </c>
      <c r="D39" s="20">
        <v>4041</v>
      </c>
    </row>
    <row r="40" spans="1:4" ht="18" customHeight="1" x14ac:dyDescent="0.2">
      <c r="A40" s="14">
        <v>29</v>
      </c>
      <c r="B40" s="18">
        <v>2167</v>
      </c>
      <c r="C40" s="19">
        <v>1876</v>
      </c>
      <c r="D40" s="20">
        <v>4043</v>
      </c>
    </row>
    <row r="41" spans="1:4" ht="18" customHeight="1" x14ac:dyDescent="0.2">
      <c r="A41" s="14" t="s">
        <v>12</v>
      </c>
      <c r="B41" s="18">
        <v>10680</v>
      </c>
      <c r="C41" s="19">
        <v>9218</v>
      </c>
      <c r="D41" s="20">
        <v>19898</v>
      </c>
    </row>
    <row r="42" spans="1:4" ht="18" customHeight="1" x14ac:dyDescent="0.2">
      <c r="A42" s="14">
        <v>30</v>
      </c>
      <c r="B42" s="18">
        <v>2231</v>
      </c>
      <c r="C42" s="19">
        <v>1980</v>
      </c>
      <c r="D42" s="20">
        <v>4211</v>
      </c>
    </row>
    <row r="43" spans="1:4" ht="18" customHeight="1" x14ac:dyDescent="0.2">
      <c r="A43" s="14">
        <v>31</v>
      </c>
      <c r="B43" s="18">
        <v>2154</v>
      </c>
      <c r="C43" s="19">
        <v>2075</v>
      </c>
      <c r="D43" s="20">
        <v>4229</v>
      </c>
    </row>
    <row r="44" spans="1:4" ht="18" customHeight="1" x14ac:dyDescent="0.2">
      <c r="A44" s="14">
        <v>32</v>
      </c>
      <c r="B44" s="18">
        <v>2319</v>
      </c>
      <c r="C44" s="19">
        <v>2130</v>
      </c>
      <c r="D44" s="20">
        <v>4449</v>
      </c>
    </row>
    <row r="45" spans="1:4" ht="18" customHeight="1" x14ac:dyDescent="0.2">
      <c r="A45" s="14">
        <v>33</v>
      </c>
      <c r="B45" s="18">
        <v>2357</v>
      </c>
      <c r="C45" s="19">
        <v>2191</v>
      </c>
      <c r="D45" s="20">
        <v>4548</v>
      </c>
    </row>
    <row r="46" spans="1:4" ht="18" customHeight="1" x14ac:dyDescent="0.2">
      <c r="A46" s="14">
        <v>34</v>
      </c>
      <c r="B46" s="18">
        <v>2493</v>
      </c>
      <c r="C46" s="19">
        <v>2239</v>
      </c>
      <c r="D46" s="20">
        <v>4732</v>
      </c>
    </row>
    <row r="47" spans="1:4" ht="18" customHeight="1" x14ac:dyDescent="0.2">
      <c r="A47" s="14" t="s">
        <v>13</v>
      </c>
      <c r="B47" s="18">
        <v>11554</v>
      </c>
      <c r="C47" s="19">
        <v>10615</v>
      </c>
      <c r="D47" s="20">
        <v>22169</v>
      </c>
    </row>
    <row r="48" spans="1:4" ht="18" customHeight="1" x14ac:dyDescent="0.2">
      <c r="A48" s="14">
        <v>35</v>
      </c>
      <c r="B48" s="18">
        <v>2497</v>
      </c>
      <c r="C48" s="19">
        <v>2156</v>
      </c>
      <c r="D48" s="20">
        <v>4653</v>
      </c>
    </row>
    <row r="49" spans="1:4" ht="18" customHeight="1" x14ac:dyDescent="0.2">
      <c r="A49" s="14">
        <v>36</v>
      </c>
      <c r="B49" s="18">
        <v>2440</v>
      </c>
      <c r="C49" s="19">
        <v>2310</v>
      </c>
      <c r="D49" s="20">
        <v>4750</v>
      </c>
    </row>
    <row r="50" spans="1:4" ht="18" customHeight="1" x14ac:dyDescent="0.2">
      <c r="A50" s="14">
        <v>37</v>
      </c>
      <c r="B50" s="18">
        <v>2393</v>
      </c>
      <c r="C50" s="19">
        <v>2350</v>
      </c>
      <c r="D50" s="20">
        <v>4743</v>
      </c>
    </row>
    <row r="51" spans="1:4" ht="18" customHeight="1" x14ac:dyDescent="0.2">
      <c r="A51" s="14">
        <v>38</v>
      </c>
      <c r="B51" s="18">
        <v>2523</v>
      </c>
      <c r="C51" s="19">
        <v>2366</v>
      </c>
      <c r="D51" s="20">
        <v>4889</v>
      </c>
    </row>
    <row r="52" spans="1:4" ht="18" customHeight="1" x14ac:dyDescent="0.2">
      <c r="A52" s="14">
        <v>39</v>
      </c>
      <c r="B52" s="18">
        <v>2664</v>
      </c>
      <c r="C52" s="19">
        <v>2535</v>
      </c>
      <c r="D52" s="20">
        <v>5199</v>
      </c>
    </row>
    <row r="53" spans="1:4" ht="18" customHeight="1" x14ac:dyDescent="0.2">
      <c r="A53" s="14" t="s">
        <v>14</v>
      </c>
      <c r="B53" s="18">
        <v>12517</v>
      </c>
      <c r="C53" s="19">
        <v>11717</v>
      </c>
      <c r="D53" s="20">
        <v>24234</v>
      </c>
    </row>
    <row r="54" spans="1:4" ht="18" customHeight="1" x14ac:dyDescent="0.2">
      <c r="A54" s="14">
        <v>40</v>
      </c>
      <c r="B54" s="18">
        <v>2912</v>
      </c>
      <c r="C54" s="19">
        <v>2700</v>
      </c>
      <c r="D54" s="20">
        <v>5612</v>
      </c>
    </row>
    <row r="55" spans="1:4" ht="18" customHeight="1" x14ac:dyDescent="0.2">
      <c r="A55" s="14">
        <v>41</v>
      </c>
      <c r="B55" s="18">
        <v>2957</v>
      </c>
      <c r="C55" s="19">
        <v>2750</v>
      </c>
      <c r="D55" s="20">
        <v>5707</v>
      </c>
    </row>
    <row r="56" spans="1:4" ht="18" customHeight="1" x14ac:dyDescent="0.2">
      <c r="A56" s="14">
        <v>42</v>
      </c>
      <c r="B56" s="18">
        <v>3159</v>
      </c>
      <c r="C56" s="19">
        <v>2923</v>
      </c>
      <c r="D56" s="20">
        <v>6082</v>
      </c>
    </row>
    <row r="57" spans="1:4" ht="18" customHeight="1" x14ac:dyDescent="0.2">
      <c r="A57" s="14">
        <v>43</v>
      </c>
      <c r="B57" s="18">
        <v>3301</v>
      </c>
      <c r="C57" s="19">
        <v>3155</v>
      </c>
      <c r="D57" s="20">
        <v>6456</v>
      </c>
    </row>
    <row r="58" spans="1:4" ht="18" customHeight="1" x14ac:dyDescent="0.2">
      <c r="A58" s="14">
        <v>44</v>
      </c>
      <c r="B58" s="18">
        <v>3483</v>
      </c>
      <c r="C58" s="19">
        <v>3406</v>
      </c>
      <c r="D58" s="20">
        <v>6889</v>
      </c>
    </row>
    <row r="59" spans="1:4" ht="18" customHeight="1" x14ac:dyDescent="0.2">
      <c r="A59" s="14" t="s">
        <v>15</v>
      </c>
      <c r="B59" s="18">
        <v>15812</v>
      </c>
      <c r="C59" s="19">
        <v>14934</v>
      </c>
      <c r="D59" s="20">
        <v>30746</v>
      </c>
    </row>
    <row r="60" spans="1:4" ht="18" customHeight="1" x14ac:dyDescent="0.2">
      <c r="A60" s="14">
        <v>45</v>
      </c>
      <c r="B60" s="18">
        <v>3575</v>
      </c>
      <c r="C60" s="19">
        <v>3426</v>
      </c>
      <c r="D60" s="20">
        <v>7001</v>
      </c>
    </row>
    <row r="61" spans="1:4" ht="18" customHeight="1" x14ac:dyDescent="0.2">
      <c r="A61" s="14">
        <v>46</v>
      </c>
      <c r="B61" s="18">
        <v>3515</v>
      </c>
      <c r="C61" s="19">
        <v>3419</v>
      </c>
      <c r="D61" s="20">
        <v>6934</v>
      </c>
    </row>
    <row r="62" spans="1:4" ht="18" customHeight="1" x14ac:dyDescent="0.2">
      <c r="A62" s="14">
        <v>47</v>
      </c>
      <c r="B62" s="18">
        <v>3370</v>
      </c>
      <c r="C62" s="19">
        <v>3227</v>
      </c>
      <c r="D62" s="20">
        <v>6597</v>
      </c>
    </row>
    <row r="63" spans="1:4" ht="18" customHeight="1" x14ac:dyDescent="0.2">
      <c r="A63" s="14">
        <v>48</v>
      </c>
      <c r="B63" s="18">
        <v>3247</v>
      </c>
      <c r="C63" s="19">
        <v>3033</v>
      </c>
      <c r="D63" s="20">
        <v>6280</v>
      </c>
    </row>
    <row r="64" spans="1:4" ht="18" customHeight="1" x14ac:dyDescent="0.2">
      <c r="A64" s="14">
        <v>49</v>
      </c>
      <c r="B64" s="18">
        <v>3123</v>
      </c>
      <c r="C64" s="19">
        <v>2856</v>
      </c>
      <c r="D64" s="20">
        <v>5979</v>
      </c>
    </row>
    <row r="65" spans="1:4" ht="18" customHeight="1" x14ac:dyDescent="0.2">
      <c r="A65" s="14" t="s">
        <v>16</v>
      </c>
      <c r="B65" s="18">
        <v>16830</v>
      </c>
      <c r="C65" s="19">
        <v>15961</v>
      </c>
      <c r="D65" s="20">
        <v>32791</v>
      </c>
    </row>
    <row r="66" spans="1:4" ht="18" customHeight="1" x14ac:dyDescent="0.2">
      <c r="A66" s="14">
        <v>50</v>
      </c>
      <c r="B66" s="18">
        <v>2959</v>
      </c>
      <c r="C66" s="19">
        <v>2911</v>
      </c>
      <c r="D66" s="20">
        <v>5870</v>
      </c>
    </row>
    <row r="67" spans="1:4" ht="18" customHeight="1" x14ac:dyDescent="0.2">
      <c r="A67" s="14">
        <v>51</v>
      </c>
      <c r="B67" s="18">
        <v>3018</v>
      </c>
      <c r="C67" s="19">
        <v>2934</v>
      </c>
      <c r="D67" s="20">
        <v>5952</v>
      </c>
    </row>
    <row r="68" spans="1:4" ht="18" customHeight="1" x14ac:dyDescent="0.2">
      <c r="A68" s="14">
        <v>52</v>
      </c>
      <c r="B68" s="18">
        <v>2025</v>
      </c>
      <c r="C68" s="19">
        <v>2086</v>
      </c>
      <c r="D68" s="20">
        <v>4111</v>
      </c>
    </row>
    <row r="69" spans="1:4" ht="18" customHeight="1" x14ac:dyDescent="0.2">
      <c r="A69" s="14">
        <v>53</v>
      </c>
      <c r="B69" s="18">
        <v>2722</v>
      </c>
      <c r="C69" s="19">
        <v>2794</v>
      </c>
      <c r="D69" s="20">
        <v>5516</v>
      </c>
    </row>
    <row r="70" spans="1:4" ht="18" customHeight="1" x14ac:dyDescent="0.2">
      <c r="A70" s="14">
        <v>54</v>
      </c>
      <c r="B70" s="18">
        <v>2626</v>
      </c>
      <c r="C70" s="19">
        <v>2560</v>
      </c>
      <c r="D70" s="20">
        <v>5186</v>
      </c>
    </row>
    <row r="71" spans="1:4" ht="18" customHeight="1" x14ac:dyDescent="0.2">
      <c r="A71" s="14" t="s">
        <v>17</v>
      </c>
      <c r="B71" s="18">
        <v>13350</v>
      </c>
      <c r="C71" s="19">
        <v>13285</v>
      </c>
      <c r="D71" s="20">
        <v>26635</v>
      </c>
    </row>
    <row r="72" spans="1:4" ht="18" customHeight="1" x14ac:dyDescent="0.2">
      <c r="A72" s="14">
        <v>55</v>
      </c>
      <c r="B72" s="18">
        <v>2558</v>
      </c>
      <c r="C72" s="19">
        <v>2552</v>
      </c>
      <c r="D72" s="20">
        <v>5110</v>
      </c>
    </row>
    <row r="73" spans="1:4" ht="18" customHeight="1" x14ac:dyDescent="0.2">
      <c r="A73" s="14">
        <v>56</v>
      </c>
      <c r="B73" s="18">
        <v>2361</v>
      </c>
      <c r="C73" s="19">
        <v>2286</v>
      </c>
      <c r="D73" s="20">
        <v>4647</v>
      </c>
    </row>
    <row r="74" spans="1:4" ht="18" customHeight="1" x14ac:dyDescent="0.2">
      <c r="A74" s="14">
        <v>57</v>
      </c>
      <c r="B74" s="18">
        <v>2291</v>
      </c>
      <c r="C74" s="19">
        <v>2471</v>
      </c>
      <c r="D74" s="20">
        <v>4762</v>
      </c>
    </row>
    <row r="75" spans="1:4" ht="18" customHeight="1" x14ac:dyDescent="0.2">
      <c r="A75" s="14">
        <v>58</v>
      </c>
      <c r="B75" s="18">
        <v>2361</v>
      </c>
      <c r="C75" s="19">
        <v>2443</v>
      </c>
      <c r="D75" s="20">
        <v>4804</v>
      </c>
    </row>
    <row r="76" spans="1:4" ht="18" customHeight="1" x14ac:dyDescent="0.2">
      <c r="A76" s="14">
        <v>59</v>
      </c>
      <c r="B76" s="18">
        <v>2372</v>
      </c>
      <c r="C76" s="19">
        <v>2451</v>
      </c>
      <c r="D76" s="20">
        <v>4823</v>
      </c>
    </row>
    <row r="77" spans="1:4" ht="18" customHeight="1" x14ac:dyDescent="0.2">
      <c r="A77" s="14" t="s">
        <v>18</v>
      </c>
      <c r="B77" s="18">
        <v>11943</v>
      </c>
      <c r="C77" s="19">
        <v>12203</v>
      </c>
      <c r="D77" s="20">
        <v>24146</v>
      </c>
    </row>
    <row r="78" spans="1:4" ht="18" customHeight="1" x14ac:dyDescent="0.2">
      <c r="A78" s="14">
        <v>60</v>
      </c>
      <c r="B78" s="18">
        <v>2300</v>
      </c>
      <c r="C78" s="19">
        <v>2443</v>
      </c>
      <c r="D78" s="20">
        <v>4743</v>
      </c>
    </row>
    <row r="79" spans="1:4" ht="18" customHeight="1" x14ac:dyDescent="0.2">
      <c r="A79" s="14">
        <v>61</v>
      </c>
      <c r="B79" s="18">
        <v>2279</v>
      </c>
      <c r="C79" s="19">
        <v>2280</v>
      </c>
      <c r="D79" s="20">
        <v>4559</v>
      </c>
    </row>
    <row r="80" spans="1:4" ht="18" customHeight="1" x14ac:dyDescent="0.2">
      <c r="A80" s="14">
        <v>62</v>
      </c>
      <c r="B80" s="18">
        <v>2270</v>
      </c>
      <c r="C80" s="19">
        <v>2395</v>
      </c>
      <c r="D80" s="20">
        <v>4665</v>
      </c>
    </row>
    <row r="81" spans="1:4" ht="18" customHeight="1" x14ac:dyDescent="0.2">
      <c r="A81" s="14">
        <v>63</v>
      </c>
      <c r="B81" s="18">
        <v>2494</v>
      </c>
      <c r="C81" s="19">
        <v>2659</v>
      </c>
      <c r="D81" s="20">
        <v>5153</v>
      </c>
    </row>
    <row r="82" spans="1:4" ht="18" customHeight="1" x14ac:dyDescent="0.2">
      <c r="A82" s="14">
        <v>64</v>
      </c>
      <c r="B82" s="18">
        <v>2482</v>
      </c>
      <c r="C82" s="19">
        <v>2606</v>
      </c>
      <c r="D82" s="20">
        <v>5088</v>
      </c>
    </row>
    <row r="83" spans="1:4" ht="18" customHeight="1" x14ac:dyDescent="0.2">
      <c r="A83" s="14" t="s">
        <v>19</v>
      </c>
      <c r="B83" s="18">
        <v>11825</v>
      </c>
      <c r="C83" s="19">
        <v>12383</v>
      </c>
      <c r="D83" s="20">
        <v>24208</v>
      </c>
    </row>
    <row r="84" spans="1:4" ht="18" customHeight="1" x14ac:dyDescent="0.2">
      <c r="A84" s="14" t="s">
        <v>20</v>
      </c>
      <c r="B84" s="18">
        <v>125549</v>
      </c>
      <c r="C84" s="19">
        <v>119424</v>
      </c>
      <c r="D84" s="20">
        <v>244973</v>
      </c>
    </row>
    <row r="85" spans="1:4" ht="18" customHeight="1" x14ac:dyDescent="0.2">
      <c r="A85" s="14">
        <v>65</v>
      </c>
      <c r="B85" s="18">
        <v>2655</v>
      </c>
      <c r="C85" s="19">
        <v>2811</v>
      </c>
      <c r="D85" s="20">
        <v>5466</v>
      </c>
    </row>
    <row r="86" spans="1:4" ht="18" customHeight="1" x14ac:dyDescent="0.2">
      <c r="A86" s="14">
        <v>66</v>
      </c>
      <c r="B86" s="18">
        <v>2705</v>
      </c>
      <c r="C86" s="19">
        <v>2838</v>
      </c>
      <c r="D86" s="20">
        <v>5543</v>
      </c>
    </row>
    <row r="87" spans="1:4" ht="18" customHeight="1" x14ac:dyDescent="0.2">
      <c r="A87" s="14">
        <v>67</v>
      </c>
      <c r="B87" s="18">
        <v>2690</v>
      </c>
      <c r="C87" s="19">
        <v>2994</v>
      </c>
      <c r="D87" s="20">
        <v>5684</v>
      </c>
    </row>
    <row r="88" spans="1:4" ht="18" customHeight="1" x14ac:dyDescent="0.2">
      <c r="A88" s="14">
        <v>68</v>
      </c>
      <c r="B88" s="18">
        <v>3048</v>
      </c>
      <c r="C88" s="19">
        <v>3371</v>
      </c>
      <c r="D88" s="20">
        <v>6419</v>
      </c>
    </row>
    <row r="89" spans="1:4" ht="18" customHeight="1" x14ac:dyDescent="0.2">
      <c r="A89" s="14">
        <v>69</v>
      </c>
      <c r="B89" s="18">
        <v>3541</v>
      </c>
      <c r="C89" s="19">
        <v>3803</v>
      </c>
      <c r="D89" s="20">
        <v>7344</v>
      </c>
    </row>
    <row r="90" spans="1:4" ht="18" customHeight="1" x14ac:dyDescent="0.2">
      <c r="A90" s="14" t="s">
        <v>21</v>
      </c>
      <c r="B90" s="18">
        <v>14639</v>
      </c>
      <c r="C90" s="19">
        <v>15817</v>
      </c>
      <c r="D90" s="20">
        <v>30456</v>
      </c>
    </row>
    <row r="91" spans="1:4" ht="18" customHeight="1" x14ac:dyDescent="0.2">
      <c r="A91" s="14">
        <v>70</v>
      </c>
      <c r="B91" s="18">
        <v>3571</v>
      </c>
      <c r="C91" s="19">
        <v>3881</v>
      </c>
      <c r="D91" s="20">
        <v>7452</v>
      </c>
    </row>
    <row r="92" spans="1:4" ht="18" customHeight="1" x14ac:dyDescent="0.2">
      <c r="A92" s="14">
        <v>71</v>
      </c>
      <c r="B92" s="18">
        <v>3661</v>
      </c>
      <c r="C92" s="19">
        <v>4223</v>
      </c>
      <c r="D92" s="20">
        <v>7884</v>
      </c>
    </row>
    <row r="93" spans="1:4" ht="18" customHeight="1" x14ac:dyDescent="0.2">
      <c r="A93" s="14">
        <v>72</v>
      </c>
      <c r="B93" s="18">
        <v>2066</v>
      </c>
      <c r="C93" s="19">
        <v>2388</v>
      </c>
      <c r="D93" s="20">
        <v>4454</v>
      </c>
    </row>
    <row r="94" spans="1:4" ht="18" customHeight="1" x14ac:dyDescent="0.2">
      <c r="A94" s="14">
        <v>73</v>
      </c>
      <c r="B94" s="18">
        <v>1862</v>
      </c>
      <c r="C94" s="19">
        <v>2213</v>
      </c>
      <c r="D94" s="20">
        <v>4075</v>
      </c>
    </row>
    <row r="95" spans="1:4" ht="18" customHeight="1" x14ac:dyDescent="0.2">
      <c r="A95" s="14">
        <v>74</v>
      </c>
      <c r="B95" s="18">
        <v>2529</v>
      </c>
      <c r="C95" s="19">
        <v>3157</v>
      </c>
      <c r="D95" s="20">
        <v>5686</v>
      </c>
    </row>
    <row r="96" spans="1:4" ht="18" customHeight="1" x14ac:dyDescent="0.2">
      <c r="A96" s="14" t="s">
        <v>22</v>
      </c>
      <c r="B96" s="18">
        <v>13689</v>
      </c>
      <c r="C96" s="19">
        <v>15862</v>
      </c>
      <c r="D96" s="20">
        <v>29551</v>
      </c>
    </row>
    <row r="97" spans="1:4" ht="18" customHeight="1" x14ac:dyDescent="0.2">
      <c r="A97" s="14">
        <v>75</v>
      </c>
      <c r="B97" s="18">
        <v>2339</v>
      </c>
      <c r="C97" s="19">
        <v>2878</v>
      </c>
      <c r="D97" s="20">
        <v>5217</v>
      </c>
    </row>
    <row r="98" spans="1:4" ht="18" customHeight="1" x14ac:dyDescent="0.2">
      <c r="A98" s="14">
        <v>76</v>
      </c>
      <c r="B98" s="18">
        <v>2405</v>
      </c>
      <c r="C98" s="19">
        <v>2951</v>
      </c>
      <c r="D98" s="20">
        <v>5356</v>
      </c>
    </row>
    <row r="99" spans="1:4" ht="18" customHeight="1" x14ac:dyDescent="0.2">
      <c r="A99" s="14">
        <v>77</v>
      </c>
      <c r="B99" s="18">
        <v>2247</v>
      </c>
      <c r="C99" s="19">
        <v>2830</v>
      </c>
      <c r="D99" s="20">
        <v>5077</v>
      </c>
    </row>
    <row r="100" spans="1:4" ht="18" customHeight="1" x14ac:dyDescent="0.2">
      <c r="A100" s="14">
        <v>78</v>
      </c>
      <c r="B100" s="18">
        <v>1986</v>
      </c>
      <c r="C100" s="19">
        <v>2465</v>
      </c>
      <c r="D100" s="20">
        <v>4451</v>
      </c>
    </row>
    <row r="101" spans="1:4" ht="18" customHeight="1" x14ac:dyDescent="0.2">
      <c r="A101" s="14">
        <v>79</v>
      </c>
      <c r="B101" s="18">
        <v>1609</v>
      </c>
      <c r="C101" s="19">
        <v>2068</v>
      </c>
      <c r="D101" s="20">
        <v>3677</v>
      </c>
    </row>
    <row r="102" spans="1:4" ht="18" customHeight="1" x14ac:dyDescent="0.2">
      <c r="A102" s="14" t="s">
        <v>23</v>
      </c>
      <c r="B102" s="18">
        <v>10586</v>
      </c>
      <c r="C102" s="19">
        <v>13192</v>
      </c>
      <c r="D102" s="20">
        <v>23778</v>
      </c>
    </row>
    <row r="103" spans="1:4" ht="18" customHeight="1" x14ac:dyDescent="0.2">
      <c r="A103" s="14">
        <v>80</v>
      </c>
      <c r="B103" s="18">
        <v>1502</v>
      </c>
      <c r="C103" s="19">
        <v>2046</v>
      </c>
      <c r="D103" s="20">
        <v>3548</v>
      </c>
    </row>
    <row r="104" spans="1:4" ht="18" customHeight="1" x14ac:dyDescent="0.2">
      <c r="A104" s="14">
        <v>81</v>
      </c>
      <c r="B104" s="18">
        <v>1551</v>
      </c>
      <c r="C104" s="19">
        <v>2230</v>
      </c>
      <c r="D104" s="20">
        <v>3781</v>
      </c>
    </row>
    <row r="105" spans="1:4" ht="18" customHeight="1" x14ac:dyDescent="0.2">
      <c r="A105" s="14">
        <v>82</v>
      </c>
      <c r="B105" s="18">
        <v>1470</v>
      </c>
      <c r="C105" s="19">
        <v>2340</v>
      </c>
      <c r="D105" s="20">
        <v>3810</v>
      </c>
    </row>
    <row r="106" spans="1:4" ht="18" customHeight="1" x14ac:dyDescent="0.2">
      <c r="A106" s="14">
        <v>83</v>
      </c>
      <c r="B106" s="18">
        <v>1339</v>
      </c>
      <c r="C106" s="19">
        <v>2005</v>
      </c>
      <c r="D106" s="20">
        <v>3344</v>
      </c>
    </row>
    <row r="107" spans="1:4" ht="18" customHeight="1" x14ac:dyDescent="0.2">
      <c r="A107" s="14">
        <v>84</v>
      </c>
      <c r="B107" s="18">
        <v>1143</v>
      </c>
      <c r="C107" s="19">
        <v>1964</v>
      </c>
      <c r="D107" s="20">
        <v>3107</v>
      </c>
    </row>
    <row r="108" spans="1:4" ht="18" customHeight="1" x14ac:dyDescent="0.2">
      <c r="A108" s="14" t="s">
        <v>24</v>
      </c>
      <c r="B108" s="18">
        <v>7005</v>
      </c>
      <c r="C108" s="19">
        <v>10585</v>
      </c>
      <c r="D108" s="20">
        <v>17590</v>
      </c>
    </row>
    <row r="109" spans="1:4" ht="18" customHeight="1" x14ac:dyDescent="0.2">
      <c r="A109" s="14">
        <v>85</v>
      </c>
      <c r="B109" s="18">
        <v>1082</v>
      </c>
      <c r="C109" s="19">
        <v>2009</v>
      </c>
      <c r="D109" s="20">
        <v>3091</v>
      </c>
    </row>
    <row r="110" spans="1:4" ht="18" customHeight="1" x14ac:dyDescent="0.2">
      <c r="A110" s="14">
        <v>86</v>
      </c>
      <c r="B110" s="18">
        <v>904</v>
      </c>
      <c r="C110" s="19">
        <v>1913</v>
      </c>
      <c r="D110" s="20">
        <v>2817</v>
      </c>
    </row>
    <row r="111" spans="1:4" ht="18" customHeight="1" x14ac:dyDescent="0.2">
      <c r="A111" s="14">
        <v>87</v>
      </c>
      <c r="B111" s="18">
        <v>799</v>
      </c>
      <c r="C111" s="19">
        <v>1630</v>
      </c>
      <c r="D111" s="20">
        <v>2429</v>
      </c>
    </row>
    <row r="112" spans="1:4" ht="18" customHeight="1" x14ac:dyDescent="0.2">
      <c r="A112" s="14">
        <v>88</v>
      </c>
      <c r="B112" s="18">
        <v>652</v>
      </c>
      <c r="C112" s="19">
        <v>1435</v>
      </c>
      <c r="D112" s="20">
        <v>2087</v>
      </c>
    </row>
    <row r="113" spans="1:4" ht="18" customHeight="1" x14ac:dyDescent="0.2">
      <c r="A113" s="14">
        <v>89</v>
      </c>
      <c r="B113" s="18">
        <v>555</v>
      </c>
      <c r="C113" s="19">
        <v>1420</v>
      </c>
      <c r="D113" s="20">
        <v>1975</v>
      </c>
    </row>
    <row r="114" spans="1:4" ht="18" customHeight="1" x14ac:dyDescent="0.2">
      <c r="A114" s="14" t="s">
        <v>25</v>
      </c>
      <c r="B114" s="18">
        <v>3992</v>
      </c>
      <c r="C114" s="19">
        <v>8407</v>
      </c>
      <c r="D114" s="20">
        <v>12399</v>
      </c>
    </row>
    <row r="115" spans="1:4" ht="18" customHeight="1" x14ac:dyDescent="0.2">
      <c r="A115" s="14">
        <v>90</v>
      </c>
      <c r="B115" s="18">
        <v>518</v>
      </c>
      <c r="C115" s="19">
        <v>1149</v>
      </c>
      <c r="D115" s="20">
        <v>1667</v>
      </c>
    </row>
    <row r="116" spans="1:4" ht="18" customHeight="1" x14ac:dyDescent="0.2">
      <c r="A116" s="14">
        <v>91</v>
      </c>
      <c r="B116" s="18">
        <v>392</v>
      </c>
      <c r="C116" s="19">
        <v>1030</v>
      </c>
      <c r="D116" s="20">
        <v>1422</v>
      </c>
    </row>
    <row r="117" spans="1:4" ht="18" customHeight="1" x14ac:dyDescent="0.2">
      <c r="A117" s="14">
        <v>92</v>
      </c>
      <c r="B117" s="18">
        <v>312</v>
      </c>
      <c r="C117" s="19">
        <v>817</v>
      </c>
      <c r="D117" s="20">
        <v>1129</v>
      </c>
    </row>
    <row r="118" spans="1:4" ht="18" customHeight="1" x14ac:dyDescent="0.2">
      <c r="A118" s="14">
        <v>93</v>
      </c>
      <c r="B118" s="18">
        <v>196</v>
      </c>
      <c r="C118" s="19">
        <v>776</v>
      </c>
      <c r="D118" s="20">
        <v>972</v>
      </c>
    </row>
    <row r="119" spans="1:4" ht="18" customHeight="1" x14ac:dyDescent="0.2">
      <c r="A119" s="14">
        <v>94</v>
      </c>
      <c r="B119" s="18">
        <v>168</v>
      </c>
      <c r="C119" s="19">
        <v>551</v>
      </c>
      <c r="D119" s="20">
        <v>719</v>
      </c>
    </row>
    <row r="120" spans="1:4" ht="18" customHeight="1" x14ac:dyDescent="0.2">
      <c r="A120" s="14" t="s">
        <v>26</v>
      </c>
      <c r="B120" s="18">
        <v>1586</v>
      </c>
      <c r="C120" s="19">
        <v>4323</v>
      </c>
      <c r="D120" s="20">
        <v>5909</v>
      </c>
    </row>
    <row r="121" spans="1:4" ht="18" customHeight="1" x14ac:dyDescent="0.2">
      <c r="A121" s="14">
        <v>95</v>
      </c>
      <c r="B121" s="18">
        <v>106</v>
      </c>
      <c r="C121" s="19">
        <v>486</v>
      </c>
      <c r="D121" s="20">
        <v>592</v>
      </c>
    </row>
    <row r="122" spans="1:4" ht="18" customHeight="1" x14ac:dyDescent="0.2">
      <c r="A122" s="14">
        <v>96</v>
      </c>
      <c r="B122" s="18">
        <v>76</v>
      </c>
      <c r="C122" s="19">
        <v>373</v>
      </c>
      <c r="D122" s="20">
        <v>449</v>
      </c>
    </row>
    <row r="123" spans="1:4" ht="18" customHeight="1" x14ac:dyDescent="0.2">
      <c r="A123" s="14">
        <v>97</v>
      </c>
      <c r="B123" s="18">
        <v>54</v>
      </c>
      <c r="C123" s="19">
        <v>289</v>
      </c>
      <c r="D123" s="20">
        <v>343</v>
      </c>
    </row>
    <row r="124" spans="1:4" ht="18" customHeight="1" x14ac:dyDescent="0.2">
      <c r="A124" s="14">
        <v>98</v>
      </c>
      <c r="B124" s="18">
        <v>26</v>
      </c>
      <c r="C124" s="19">
        <v>189</v>
      </c>
      <c r="D124" s="20">
        <v>215</v>
      </c>
    </row>
    <row r="125" spans="1:4" ht="18" customHeight="1" x14ac:dyDescent="0.2">
      <c r="A125" s="14">
        <v>99</v>
      </c>
      <c r="B125" s="18">
        <v>22</v>
      </c>
      <c r="C125" s="19">
        <v>129</v>
      </c>
      <c r="D125" s="20">
        <v>151</v>
      </c>
    </row>
    <row r="126" spans="1:4" ht="18" customHeight="1" x14ac:dyDescent="0.2">
      <c r="A126" s="14" t="s">
        <v>27</v>
      </c>
      <c r="B126" s="18">
        <v>284</v>
      </c>
      <c r="C126" s="19">
        <v>1466</v>
      </c>
      <c r="D126" s="20">
        <v>1750</v>
      </c>
    </row>
    <row r="127" spans="1:4" ht="18" customHeight="1" x14ac:dyDescent="0.2">
      <c r="A127" s="14">
        <v>100</v>
      </c>
      <c r="B127" s="18">
        <v>12</v>
      </c>
      <c r="C127" s="19">
        <v>67</v>
      </c>
      <c r="D127" s="20">
        <v>79</v>
      </c>
    </row>
    <row r="128" spans="1:4" ht="18" customHeight="1" x14ac:dyDescent="0.2">
      <c r="A128" s="21" t="s">
        <v>28</v>
      </c>
      <c r="B128" s="18">
        <v>18</v>
      </c>
      <c r="C128" s="19">
        <v>135</v>
      </c>
      <c r="D128" s="20">
        <v>153</v>
      </c>
    </row>
    <row r="129" spans="1:4" ht="18" customHeight="1" x14ac:dyDescent="0.2">
      <c r="A129" s="14" t="s">
        <v>29</v>
      </c>
      <c r="B129" s="18">
        <v>30</v>
      </c>
      <c r="C129" s="19">
        <v>202</v>
      </c>
      <c r="D129" s="20">
        <v>232</v>
      </c>
    </row>
    <row r="130" spans="1:4" ht="18" customHeight="1" x14ac:dyDescent="0.2">
      <c r="A130" s="14" t="s">
        <v>30</v>
      </c>
      <c r="B130" s="22">
        <v>51811</v>
      </c>
      <c r="C130" s="23">
        <v>69854</v>
      </c>
      <c r="D130" s="24">
        <v>121665</v>
      </c>
    </row>
    <row r="131" spans="1:4" ht="18" customHeight="1" x14ac:dyDescent="0.2">
      <c r="A131" s="25" t="s">
        <v>31</v>
      </c>
      <c r="B131" s="26">
        <v>203455</v>
      </c>
      <c r="C131" s="27">
        <v>214058</v>
      </c>
      <c r="D131" s="28">
        <v>417513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12-04T04:44:25Z</dcterms:created>
  <dcterms:modified xsi:type="dcterms:W3CDTF">2018-12-04T04:44:26Z</dcterms:modified>
</cp:coreProperties>
</file>